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3" uniqueCount="338">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森本産婦人科医院</t>
    <phoneticPr fontId="3"/>
  </si>
  <si>
    <t>〒690-0056 松江市雑賀町８２番地</t>
    <phoneticPr fontId="3"/>
  </si>
  <si>
    <t>〇</t>
  </si>
  <si>
    <t>医療法人</t>
  </si>
  <si>
    <t>産婦人科</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1996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7</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t="s">
        <v>334</v>
      </c>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3</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13</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3</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3</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6</v>
      </c>
      <c r="K158" s="99" t="str">
        <f t="shared" si="1"/>
        <v/>
      </c>
      <c r="L158" s="168"/>
      <c r="M158" s="168">
        <v>0</v>
      </c>
      <c r="N158" s="168">
        <v>0.6</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2</v>
      </c>
      <c r="K159" s="99" t="str">
        <f t="shared" si="1"/>
        <v/>
      </c>
      <c r="L159" s="167"/>
      <c r="M159" s="167">
        <v>0</v>
      </c>
      <c r="N159" s="167">
        <v>2</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334</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0</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0</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0</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0</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0</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3T23:57:29Z</cp:lastPrinted>
  <dcterms:created xsi:type="dcterms:W3CDTF">2019-03-05T11:12:49Z</dcterms:created>
  <dcterms:modified xsi:type="dcterms:W3CDTF">2021-05-23T23:57:30Z</dcterms:modified>
</cp:coreProperties>
</file>